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comme il s'agit ici d'un nouveau serveur DHIS2, aucun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obligatoirement. Saisissons comme nom 'RMNCAH'. Ensuite, défilez jusqu'au champ des groupes d'indicateurs et ajoutez les deux groupes d'indicateurs dans la colonne des groupes d'indicateurs sélectionnés.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et les ensembles de groupes d'indicateur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s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